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10"/>
  </p:notesMasterIdLst>
  <p:sldIdLst>
    <p:sldId id="261" r:id="rId5"/>
    <p:sldId id="275" r:id="rId6"/>
    <p:sldId id="276" r:id="rId7"/>
    <p:sldId id="278" r:id="rId8"/>
    <p:sldId id="277" r:id="rId9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6BD32F6-6508-46E1-AE96-7BB2EF37EF66}" v="6" dt="2024-11-14T14:32:50.986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018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156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4B1B4EE-0203-4474-86E6-55AC206C01C6}" type="datetimeFigureOut">
              <a:rPr lang="da-DK" smtClean="0"/>
              <a:t>14-11-2024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06E205F-40CA-4307-BF09-D9DCFA3552F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781942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4932822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493282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6095" y="2482344"/>
            <a:ext cx="10222987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4112" y="3082507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9077" y="5871087"/>
            <a:ext cx="2272432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Gevinstrapportering på PFU</a:t>
            </a:r>
          </a:p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D. 14-11-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jektej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1669" y="5997600"/>
            <a:ext cx="2983193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XXX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2252" y="5997600"/>
            <a:ext cx="727953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7600"/>
            <a:ext cx="557714" cy="558000"/>
          </a:xfrm>
          <a:prstGeom prst="rect">
            <a:avLst/>
          </a:prstGeom>
        </p:spPr>
      </p:pic>
      <p:pic>
        <p:nvPicPr>
          <p:cNvPr id="1356097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1"/>
            <a:ext cx="71753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2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755638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96" y="315913"/>
            <a:ext cx="1156001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6772145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1" y="1"/>
            <a:ext cx="12192000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6421" y="1412776"/>
            <a:ext cx="8499157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09389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1" y="1"/>
            <a:ext cx="12192000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95" y="230400"/>
            <a:ext cx="11566212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849" y="1853461"/>
            <a:ext cx="6266328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158418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98" y="328612"/>
            <a:ext cx="11553659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212630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917" y="1022477"/>
            <a:ext cx="2013173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4213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6019" y="1340768"/>
            <a:ext cx="1224455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0408675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0034" y="2163364"/>
            <a:ext cx="2531931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73385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6857807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1198" y="2098690"/>
            <a:ext cx="1274873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 sz="2200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41478" y="2093601"/>
            <a:ext cx="4357619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982" y="3428551"/>
            <a:ext cx="929145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73385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1081344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4182" y="2804401"/>
            <a:ext cx="2913416" cy="1293389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9133" y="2864711"/>
            <a:ext cx="222898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1"/>
            <a:ext cx="0" cy="73385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9195770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5DBF24-2FEC-AEF3-4F3A-4807E81F559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24997823-D814-C8DA-9B3F-1C20565AE06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D637ECC-9978-2B3C-6A10-7618F3C8C3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A74C2-486A-49D6-918F-DB5A037110C9}" type="datetimeFigureOut">
              <a:rPr lang="da-DK" smtClean="0"/>
              <a:t>14-11-2024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76A79674-B842-E61D-3E65-F37523FEF9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38B54C6F-88E3-6E39-F1ED-00ED09A09F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BE9D9-0BCC-4E97-89D9-7E615F4DDD66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146505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960079"/>
            <a:ext cx="10222987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</a:p>
          <a:p>
            <a:pPr lvl="1"/>
            <a:r>
              <a:rPr lang="da-DK" dirty="0"/>
              <a:t>Second level</a:t>
            </a:r>
          </a:p>
          <a:p>
            <a:pPr lvl="2"/>
            <a:r>
              <a:rPr lang="da-DK" dirty="0"/>
              <a:t>Third level</a:t>
            </a:r>
          </a:p>
          <a:p>
            <a:pPr lvl="3"/>
            <a:r>
              <a:rPr lang="da-DK" dirty="0"/>
              <a:t>Fourth level</a:t>
            </a:r>
          </a:p>
          <a:p>
            <a:pPr lvl="4"/>
            <a:r>
              <a:rPr lang="da-DK" dirty="0"/>
              <a:t>Fifth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-1974112" y="340162"/>
            <a:ext cx="1826368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1841940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6376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258" y="1045684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95" y="228628"/>
            <a:ext cx="1155901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373021"/>
            <a:ext cx="10222987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4112" y="340162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0093637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6376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258" y="1045684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83" y="230400"/>
            <a:ext cx="564573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6095" y="1371600"/>
            <a:ext cx="4976521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821" y="315913"/>
            <a:ext cx="564558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4112" y="340162"/>
            <a:ext cx="18263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1800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727055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1"/>
            <a:ext cx="12196376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336" y="2694542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6095" y="1484784"/>
            <a:ext cx="4976521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6095" y="3010711"/>
            <a:ext cx="4976521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3223" y="315913"/>
            <a:ext cx="564627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4112" y="1780882"/>
            <a:ext cx="1826368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 sz="180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047488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11562611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343480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564627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3223" y="316800"/>
            <a:ext cx="564627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786641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83" y="316800"/>
            <a:ext cx="564627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83" y="3237372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3223" y="316800"/>
            <a:ext cx="564627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192925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83" y="316800"/>
            <a:ext cx="564627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3223" y="316800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3223" y="3237372"/>
            <a:ext cx="564627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11068" y="6581497"/>
            <a:ext cx="252066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 dirty="0"/>
              <a:t>28-09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0609035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96" y="149115"/>
            <a:ext cx="1156001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6095" y="1960079"/>
            <a:ext cx="10222987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1322889583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8659" y="5997600"/>
            <a:ext cx="1658669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698" y="1663088"/>
            <a:ext cx="648000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2294" y="5997600"/>
            <a:ext cx="2272432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2294" y="5895264"/>
            <a:ext cx="2272432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Gevinstrapportering på PFU</a:t>
            </a:r>
          </a:p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D 14-11-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146535" y="5895264"/>
            <a:ext cx="2983193" cy="6845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XXX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rojektej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79" y="5999002"/>
            <a:ext cx="557715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4782" y="5997600"/>
            <a:ext cx="71753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254" y="5997600"/>
            <a:ext cx="2350657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2252" y="5997600"/>
            <a:ext cx="727953" cy="58962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11068" y="6581497"/>
            <a:ext cx="252066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4-11-2024</a:t>
            </a:fld>
            <a:r>
              <a:rPr lang="da-DK"/>
              <a:t>28-09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137988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>
          <p15:clr>
            <a:srgbClr val="000000"/>
          </p15:clr>
        </p15:guide>
        <p15:guide id="5" orient="horz" pos="4131">
          <p15:clr>
            <a:srgbClr val="A4A3A4"/>
          </p15:clr>
        </p15:guide>
        <p15:guide id="6" pos="7479">
          <p15:clr>
            <a:srgbClr val="A4A3A4"/>
          </p15:clr>
        </p15:guide>
        <p15:guide id="7" orient="horz" pos="1234">
          <p15:clr>
            <a:srgbClr val="000000"/>
          </p15:clr>
        </p15:guide>
        <p15:guide id="8" pos="7059">
          <p15:clr>
            <a:srgbClr val="000000"/>
          </p15:clr>
        </p15:guide>
        <p15:guide id="9" pos="199">
          <p15:clr>
            <a:srgbClr val="A4A3A4"/>
          </p15:clr>
        </p15:guide>
        <p15:guide id="10" pos="621">
          <p15:clr>
            <a:srgbClr val="000000"/>
          </p15:clr>
        </p15:guide>
        <p15:guide id="11" orient="horz" pos="199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7427" y="2731642"/>
            <a:ext cx="10220325" cy="1163395"/>
          </a:xfrm>
        </p:spPr>
        <p:txBody>
          <a:bodyPr/>
          <a:lstStyle/>
          <a:p>
            <a:r>
              <a:rPr lang="da-DK" dirty="0"/>
              <a:t>Projekt (xxx-navn)</a:t>
            </a:r>
            <a:br>
              <a:rPr lang="da-DK" dirty="0"/>
            </a:br>
            <a:r>
              <a:rPr lang="da-DK" sz="2400" dirty="0"/>
              <a:t>Gevinstrapportering på PFU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Det samlede gevinstpotentiale</a:t>
            </a:r>
            <a:br>
              <a:rPr lang="da-DK" sz="4800" dirty="0"/>
            </a:br>
            <a:endParaRPr lang="da-DK" dirty="0"/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11F9F577-BC05-D0FB-3D67-9F76CAD49948}"/>
              </a:ext>
            </a:extLst>
          </p:cNvPr>
          <p:cNvSpPr txBox="1"/>
          <p:nvPr/>
        </p:nvSpPr>
        <p:spPr>
          <a:xfrm>
            <a:off x="623392" y="1268760"/>
            <a:ext cx="8404230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1600" dirty="0">
                <a:solidFill>
                  <a:srgbClr val="000000"/>
                </a:solidFill>
                <a:latin typeface="AU Passata"/>
              </a:rPr>
              <a:t>Overblik over projektets samlede gevinstpotentiale</a:t>
            </a:r>
          </a:p>
          <a:p>
            <a:pPr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1600" dirty="0">
                <a:solidFill>
                  <a:srgbClr val="000000"/>
                </a:solidFill>
                <a:latin typeface="AU Passata"/>
              </a:rPr>
              <a:t>- Gevinstbeskrivelserne er vedlagt i bilag bagerst i denne præsentation</a:t>
            </a:r>
          </a:p>
        </p:txBody>
      </p:sp>
      <p:graphicFrame>
        <p:nvGraphicFramePr>
          <p:cNvPr id="3" name="Tabel 2">
            <a:extLst>
              <a:ext uri="{FF2B5EF4-FFF2-40B4-BE49-F238E27FC236}">
                <a16:creationId xmlns:a16="http://schemas.microsoft.com/office/drawing/2014/main" id="{586A78EA-CC3B-1C10-F40B-D714D43D266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56431631"/>
              </p:ext>
            </p:extLst>
          </p:nvPr>
        </p:nvGraphicFramePr>
        <p:xfrm>
          <a:off x="623392" y="2304011"/>
          <a:ext cx="10133277" cy="914400"/>
        </p:xfrm>
        <a:graphic>
          <a:graphicData uri="http://schemas.openxmlformats.org/drawingml/2006/table">
            <a:tbl>
              <a:tblPr firstRow="1" firstCol="1" bandRow="1"/>
              <a:tblGrid>
                <a:gridCol w="2626923">
                  <a:extLst>
                    <a:ext uri="{9D8B030D-6E8A-4147-A177-3AD203B41FA5}">
                      <a16:colId xmlns:a16="http://schemas.microsoft.com/office/drawing/2014/main" val="3935534872"/>
                    </a:ext>
                  </a:extLst>
                </a:gridCol>
                <a:gridCol w="5935249">
                  <a:extLst>
                    <a:ext uri="{9D8B030D-6E8A-4147-A177-3AD203B41FA5}">
                      <a16:colId xmlns:a16="http://schemas.microsoft.com/office/drawing/2014/main" val="1859226905"/>
                    </a:ext>
                  </a:extLst>
                </a:gridCol>
                <a:gridCol w="1571105">
                  <a:extLst>
                    <a:ext uri="{9D8B030D-6E8A-4147-A177-3AD203B41FA5}">
                      <a16:colId xmlns:a16="http://schemas.microsoft.com/office/drawing/2014/main" val="2324471542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b="1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Gevinstnavn</a:t>
                      </a:r>
                      <a:endParaRPr lang="da-DK" sz="1050" dirty="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r>
                        <a:rPr lang="da-DK" sz="1050" b="1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eget kort beskrivelse</a:t>
                      </a:r>
                      <a:endParaRPr lang="da-DK" sz="1050" dirty="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200"/>
                        </a:lnSpc>
                      </a:pPr>
                      <a:r>
                        <a:rPr lang="da-DK" sz="1050" b="1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irekte / Indirekte</a:t>
                      </a:r>
                      <a:endParaRPr lang="da-DK" sz="1050" dirty="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algn="ctr">
                        <a:lnSpc>
                          <a:spcPts val="1200"/>
                        </a:lnSpc>
                      </a:pPr>
                      <a:r>
                        <a:rPr lang="da-DK" sz="1050" b="1" dirty="0">
                          <a:effectLst/>
                          <a:latin typeface="Georgia" panose="02040502050405020303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realiserbar</a:t>
                      </a:r>
                      <a:endParaRPr lang="da-DK" sz="1050" dirty="0"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5807554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2079644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3999316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8887750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ts val="12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50" kern="120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ts val="1200"/>
                        </a:lnSpc>
                      </a:pPr>
                      <a:endParaRPr lang="da-DK" sz="1050" dirty="0">
                        <a:solidFill>
                          <a:srgbClr val="0070C0"/>
                        </a:solidFill>
                        <a:effectLst/>
                        <a:latin typeface="Georgia" panose="02040502050405020303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224090757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57689707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dirty="0"/>
              <a:t>Projektets gevinstkort</a:t>
            </a:r>
            <a:br>
              <a:rPr lang="da-DK" sz="4800" dirty="0"/>
            </a:br>
            <a:endParaRPr lang="da-DK" dirty="0"/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CD0716B3-458A-4C3C-31BE-0D0185876275}"/>
              </a:ext>
            </a:extLst>
          </p:cNvPr>
          <p:cNvSpPr txBox="1"/>
          <p:nvPr/>
        </p:nvSpPr>
        <p:spPr>
          <a:xfrm>
            <a:off x="649515" y="1412292"/>
            <a:ext cx="6482805" cy="1754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fontAlgn="base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1200" dirty="0">
                <a:solidFill>
                  <a:srgbClr val="0070C0"/>
                </a:solidFill>
                <a:latin typeface="AU Passata"/>
              </a:rPr>
              <a:t>Indsæt projektets gevinstkort og forklar kort sammenhængen til projektets målsætning</a:t>
            </a:r>
            <a:endParaRPr lang="da-DK" sz="1600" dirty="0">
              <a:solidFill>
                <a:srgbClr val="000000"/>
              </a:solidFill>
              <a:latin typeface="AU Passata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678651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CB2AB2BB-9827-1ECF-9919-338F883EFFF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8AE9EEB-830A-FC62-788B-C4BA8983F1B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Bilag - Gevinstbeskrivelserne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93141A14-26D9-17E2-74FB-BB1F96B1D7A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I de efterfølgende slides kan man læse mere om gevinstbeskrivelserne</a:t>
            </a:r>
          </a:p>
        </p:txBody>
      </p:sp>
    </p:spTree>
    <p:extLst>
      <p:ext uri="{BB962C8B-B14F-4D97-AF65-F5344CB8AC3E}">
        <p14:creationId xmlns:p14="http://schemas.microsoft.com/office/powerpoint/2010/main" val="16350559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124E478-8229-3158-121D-258A2B99C9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chemeClr val="bg2">
                    <a:lumMod val="25000"/>
                    <a:lumOff val="75000"/>
                  </a:schemeClr>
                </a:solidFill>
              </a:rPr>
              <a:t>Gevinstnav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FC89EEF-56F5-1659-F1FC-F05D2DDED3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0579884-541F-4E50-B635-4E3AE18D8C1F}" type="datetime1">
              <a:rPr lang="da-DK" smtClean="0"/>
              <a:t>14-11-2024</a:t>
            </a:fld>
            <a:r>
              <a:rPr lang="da-DK"/>
              <a:t>28-09-2017</a:t>
            </a:r>
            <a:endParaRPr lang="da-DK" dirty="0"/>
          </a:p>
        </p:txBody>
      </p:sp>
      <p:graphicFrame>
        <p:nvGraphicFramePr>
          <p:cNvPr id="6" name="Tabel 5">
            <a:extLst>
              <a:ext uri="{FF2B5EF4-FFF2-40B4-BE49-F238E27FC236}">
                <a16:creationId xmlns:a16="http://schemas.microsoft.com/office/drawing/2014/main" id="{2007FE1D-0553-7BB0-41CC-D3B9C3F27C2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64343135"/>
              </p:ext>
            </p:extLst>
          </p:nvPr>
        </p:nvGraphicFramePr>
        <p:xfrm>
          <a:off x="1019272" y="2092370"/>
          <a:ext cx="9088120" cy="1824038"/>
        </p:xfrm>
        <a:graphic>
          <a:graphicData uri="http://schemas.openxmlformats.org/drawingml/2006/table">
            <a:tbl>
              <a:tblPr firstRow="1" firstCol="1" bandRow="1"/>
              <a:tblGrid>
                <a:gridCol w="1707515">
                  <a:extLst>
                    <a:ext uri="{9D8B030D-6E8A-4147-A177-3AD203B41FA5}">
                      <a16:colId xmlns:a16="http://schemas.microsoft.com/office/drawing/2014/main" val="3668613993"/>
                    </a:ext>
                  </a:extLst>
                </a:gridCol>
                <a:gridCol w="7380605">
                  <a:extLst>
                    <a:ext uri="{9D8B030D-6E8A-4147-A177-3AD203B41FA5}">
                      <a16:colId xmlns:a16="http://schemas.microsoft.com/office/drawing/2014/main" val="1313766854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Beskrivelse: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2E74B5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0725490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evinstkategori: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2E74B5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63756473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evinst type: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2E74B5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0437249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evinstejer: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2E74B5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2157053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Organisation: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2E74B5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2647370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oces: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2E74B5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1787195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Gevinstpotentiale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13235707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Hvad skal sikre at gevinsten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kan realiseres?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8278099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Væsentlige risici: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 dirty="0">
                          <a:solidFill>
                            <a:srgbClr val="2E74B5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endParaRPr lang="da-DK" sz="1100" kern="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43515067"/>
                  </a:ext>
                </a:extLst>
              </a:tr>
            </a:tbl>
          </a:graphicData>
        </a:graphic>
      </p:graphicFrame>
      <p:sp>
        <p:nvSpPr>
          <p:cNvPr id="7" name="Tekstfelt 6">
            <a:extLst>
              <a:ext uri="{FF2B5EF4-FFF2-40B4-BE49-F238E27FC236}">
                <a16:creationId xmlns:a16="http://schemas.microsoft.com/office/drawing/2014/main" id="{8921B612-E38F-133D-7745-DBB65987A9BD}"/>
              </a:ext>
            </a:extLst>
          </p:cNvPr>
          <p:cNvSpPr txBox="1"/>
          <p:nvPr/>
        </p:nvSpPr>
        <p:spPr>
          <a:xfrm>
            <a:off x="1019272" y="1428108"/>
            <a:ext cx="7867874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2">
                    <a:lumMod val="25000"/>
                    <a:lumOff val="75000"/>
                  </a:schemeClr>
                </a:solidFill>
                <a:latin typeface="+mn-lt"/>
              </a:rPr>
              <a:t>Nedenstående kopieres fra word-dokumentet hvor gevinstbeskrivelserne fremgår</a:t>
            </a:r>
            <a:r>
              <a:rPr lang="da-DK" sz="1600" dirty="0">
                <a:latin typeface="+mn-lt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29350692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92513D95F75F24AAED1A37F32EB9AD7" ma:contentTypeVersion="12" ma:contentTypeDescription="Opret et nyt dokument." ma:contentTypeScope="" ma:versionID="2cfaccc7ada1fd20819d2087f9eddd64">
  <xsd:schema xmlns:xsd="http://www.w3.org/2001/XMLSchema" xmlns:xs="http://www.w3.org/2001/XMLSchema" xmlns:p="http://schemas.microsoft.com/office/2006/metadata/properties" xmlns:ns2="705e1fcc-d9cd-4f43-a9a3-a414f9dbc763" xmlns:ns3="160a02f7-86ea-4185-93ca-ec166a305c8c" targetNamespace="http://schemas.microsoft.com/office/2006/metadata/properties" ma:root="true" ma:fieldsID="8e3151e778f4aaf1fc442269c5760887" ns2:_="" ns3:_="">
    <xsd:import namespace="705e1fcc-d9cd-4f43-a9a3-a414f9dbc763"/>
    <xsd:import namespace="160a02f7-86ea-4185-93ca-ec166a305c8c"/>
    <xsd:element name="properties">
      <xsd:complexType>
        <xsd:sequence>
          <xsd:element name="documentManagement">
            <xsd:complexType>
              <xsd:all>
                <xsd:element ref="ns2:Aktiv_x003f_" minOccurs="0"/>
                <xsd:element ref="ns2:Kategori" minOccurs="0"/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Involvering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05e1fcc-d9cd-4f43-a9a3-a414f9dbc763" elementFormDefault="qualified">
    <xsd:import namespace="http://schemas.microsoft.com/office/2006/documentManagement/types"/>
    <xsd:import namespace="http://schemas.microsoft.com/office/infopath/2007/PartnerControls"/>
    <xsd:element name="Aktiv_x003f_" ma:index="4" nillable="true" ma:displayName="Aktiv?" ma:default="1" ma:description="Fjern markering for aktiv hvis informationerne i dokumentet er forældede." ma:internalName="Aktiv_x003f_" ma:readOnly="false">
      <xsd:simpleType>
        <xsd:restriction base="dms:Boolean"/>
      </xsd:simpleType>
    </xsd:element>
    <xsd:element name="Kategori" ma:index="5" nillable="true" ma:displayName="Kategori" ma:default="Andet" ma:description="Hvordan skal dokumenterne kategoriseres? Skriv selv værdi eller vælg fra listen" ma:format="Dropdown" ma:internalName="Kategori" ma:readOnly="false">
      <xsd:simpleType>
        <xsd:union memberTypes="dms:Text">
          <xsd:simpleType>
            <xsd:restriction base="dms:Choice">
              <xsd:enumeration value="Mødereferat"/>
              <xsd:enumeration value="Andet"/>
            </xsd:restriction>
          </xsd:simpleType>
        </xsd:union>
      </xsd:simpleType>
    </xsd:element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Involvering" ma:index="14" nillable="true" ma:displayName="Involvering" ma:description="Hvem har været involveret i udarbejdelsen af skabelonen og hvordan?" ma:internalName="Involvering">
      <xsd:simpleType>
        <xsd:restriction base="dms:Note"/>
      </xsd:simpleType>
    </xsd:element>
    <xsd:element name="MediaServiceObjectDetectorVersions" ma:index="1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0a02f7-86ea-4185-93ca-ec166a305c8c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6" ma:displayName="Indholdstype"/>
        <xsd:element ref="dc:title" maxOccurs="1" ma:index="3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Aktiv_x003f_ xmlns="705e1fcc-d9cd-4f43-a9a3-a414f9dbc763">true</Aktiv_x003f_>
    <Kategori xmlns="705e1fcc-d9cd-4f43-a9a3-a414f9dbc763">Andet</Kategori>
    <Involvering xmlns="705e1fcc-d9cd-4f43-a9a3-a414f9dbc763" xsi:nil="true"/>
  </documentManagement>
</p:properties>
</file>

<file path=customXml/itemProps1.xml><?xml version="1.0" encoding="utf-8"?>
<ds:datastoreItem xmlns:ds="http://schemas.openxmlformats.org/officeDocument/2006/customXml" ds:itemID="{96CCD17B-FC16-4200-9133-D9AA0A031CA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05e1fcc-d9cd-4f43-a9a3-a414f9dbc763"/>
    <ds:schemaRef ds:uri="160a02f7-86ea-4185-93ca-ec166a305c8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65F2B11A-BFCB-40A2-B401-627764337086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57A5409F-0B13-4D9A-A344-A45EF28824A6}">
  <ds:schemaRefs>
    <ds:schemaRef ds:uri="http://www.w3.org/XML/1998/namespace"/>
    <ds:schemaRef ds:uri="http://schemas.microsoft.com/office/2006/documentManagement/types"/>
    <ds:schemaRef ds:uri="http://purl.org/dc/terms/"/>
    <ds:schemaRef ds:uri="http://schemas.microsoft.com/office/2006/metadata/properties"/>
    <ds:schemaRef ds:uri="160a02f7-86ea-4185-93ca-ec166a305c8c"/>
    <ds:schemaRef ds:uri="http://purl.org/dc/dcmitype/"/>
    <ds:schemaRef ds:uri="http://schemas.openxmlformats.org/package/2006/metadata/core-properties"/>
    <ds:schemaRef ds:uri="http://purl.org/dc/elements/1.1/"/>
    <ds:schemaRef ds:uri="http://schemas.microsoft.com/office/infopath/2007/PartnerControls"/>
    <ds:schemaRef ds:uri="705e1fcc-d9cd-4f43-a9a3-a414f9dbc763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2</TotalTime>
  <Words>107</Words>
  <Application>Microsoft Office PowerPoint</Application>
  <PresentationFormat>Widescreen</PresentationFormat>
  <Paragraphs>36</Paragraphs>
  <Slides>5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5</vt:i4>
      </vt:variant>
    </vt:vector>
  </HeadingPairs>
  <TitlesOfParts>
    <vt:vector size="13" baseType="lpstr">
      <vt:lpstr>Aptos</vt:lpstr>
      <vt:lpstr>Arial</vt:lpstr>
      <vt:lpstr>AU Passata</vt:lpstr>
      <vt:lpstr>AU Passata Light</vt:lpstr>
      <vt:lpstr>AU Peto</vt:lpstr>
      <vt:lpstr>Calibri</vt:lpstr>
      <vt:lpstr>Georgia</vt:lpstr>
      <vt:lpstr>AU 16:9</vt:lpstr>
      <vt:lpstr>Projekt (xxx-navn) Gevinstrapportering på PFU</vt:lpstr>
      <vt:lpstr>Det samlede gevinstpotentiale </vt:lpstr>
      <vt:lpstr>Projektets gevinstkort </vt:lpstr>
      <vt:lpstr>Bilag - Gevinstbeskrivelserne</vt:lpstr>
      <vt:lpstr>Gevinstnavn</vt:lpstr>
    </vt:vector>
  </TitlesOfParts>
  <Company>Aarhus University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evinstrapportering efter gate 1</dc:title>
  <dc:creator>Nanna Garner</dc:creator>
  <cp:lastModifiedBy>Nanna Garner</cp:lastModifiedBy>
  <cp:revision>2</cp:revision>
  <dcterms:created xsi:type="dcterms:W3CDTF">2024-11-14T14:11:18Z</dcterms:created>
  <dcterms:modified xsi:type="dcterms:W3CDTF">2024-11-14T14:33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92513D95F75F24AAED1A37F32EB9AD7</vt:lpwstr>
  </property>
</Properties>
</file>